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B112B05" w14:textId="77777777" w:rsidR="00AC3891" w:rsidRDefault="00AC3891" w:rsidP="00AC3891">
      <w:pPr>
        <w:spacing w:line="240" w:lineRule="auto"/>
        <w:rPr>
          <w:rFonts w:ascii="Times New Roman" w:hAnsi="Times New Roman" w:cs="Times New Roman"/>
          <w:b/>
          <w:bCs/>
          <w:sz w:val="20"/>
          <w:szCs w:val="20"/>
        </w:rPr>
      </w:pPr>
      <w:r>
        <w:rPr>
          <w:rFonts w:ascii="Times New Roman" w:hAnsi="Times New Roman" w:cs="Times New Roman"/>
          <w:b/>
          <w:bCs/>
          <w:sz w:val="20"/>
          <w:szCs w:val="20"/>
        </w:rPr>
        <w:t>Supplementary Table S1.  Distributions of demographic and clinical characteristics by Ever NSAID use.</w:t>
      </w:r>
    </w:p>
    <w:tbl>
      <w:tblPr>
        <w:tblW w:w="8835" w:type="dxa"/>
        <w:jc w:val="center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3114"/>
        <w:gridCol w:w="1907"/>
        <w:gridCol w:w="1907"/>
        <w:gridCol w:w="1907"/>
      </w:tblGrid>
      <w:tr w:rsidR="00AC3891" w:rsidRPr="00575AE9" w14:paraId="31B534FC" w14:textId="77777777" w:rsidTr="00433E83">
        <w:trPr>
          <w:cantSplit/>
          <w:trHeight w:val="20"/>
          <w:tblHeader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vAlign w:val="bottom"/>
            <w:hideMark/>
          </w:tcPr>
          <w:p w14:paraId="0CAC5F06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bookmarkStart w:id="0" w:name="IDX"/>
            <w:bookmarkEnd w:id="0"/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Characteristic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vAlign w:val="bottom"/>
            <w:hideMark/>
          </w:tcPr>
          <w:p w14:paraId="4BC6149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Total          (N=60,366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vAlign w:val="bottom"/>
            <w:hideMark/>
          </w:tcPr>
          <w:p w14:paraId="090FB8A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Never NSAID User (N=6,48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vAlign w:val="bottom"/>
            <w:hideMark/>
          </w:tcPr>
          <w:p w14:paraId="3B2C689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Ever NSAID User (N=53,885)</w:t>
            </w:r>
          </w:p>
        </w:tc>
      </w:tr>
      <w:tr w:rsidR="00AC3891" w:rsidRPr="00575AE9" w14:paraId="450797EA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FBE7001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7DBA2A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Median (min-max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5FFB43F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Median (min-max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456B6B7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Median (min-max)</w:t>
            </w:r>
          </w:p>
        </w:tc>
      </w:tr>
      <w:tr w:rsidR="00AC3891" w:rsidRPr="00575AE9" w14:paraId="2045FBCC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4F5BCF5D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Age at Baseline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02EF71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7 (45-9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4C9A15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9 (46-8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6406A9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6 (45-91)</w:t>
            </w:r>
          </w:p>
        </w:tc>
      </w:tr>
      <w:tr w:rsidR="00AC3891" w:rsidRPr="00575AE9" w14:paraId="388B5249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37D98BF7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Age at 1992-93 Survey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FDB47D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2 (40-8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A5EE28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5 (41-8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52571C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2 (40-87)</w:t>
            </w:r>
          </w:p>
        </w:tc>
      </w:tr>
      <w:tr w:rsidR="00AC3891" w:rsidRPr="00575AE9" w14:paraId="23F95D9E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3E096C1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A045AF4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N (%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4422319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N (%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ED607E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N (%)</w:t>
            </w:r>
          </w:p>
        </w:tc>
      </w:tr>
      <w:tr w:rsidR="00AC3891" w:rsidRPr="00575AE9" w14:paraId="1DEBCC2F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0893B42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BBD Status at Baseline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BB32A0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360C46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25ABC04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48F3C0A5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A04DBBF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No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76F22D4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4,577 (73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D97DCF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,202 (80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6056B5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9,375 (73.1)</w:t>
            </w:r>
          </w:p>
        </w:tc>
      </w:tr>
      <w:tr w:rsidR="00AC3891" w:rsidRPr="00575AE9" w14:paraId="42594229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A326444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Ye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A3D54E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5,789 (26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DEDFCD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279 (19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E0A0B1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4,510 (26.9)</w:t>
            </w:r>
          </w:p>
        </w:tc>
      </w:tr>
      <w:tr w:rsidR="00AC3891" w:rsidRPr="00575AE9" w14:paraId="0134FFB0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54BE493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Race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B8CD8C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5645FF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6C290A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293E42F0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941B74F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White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92250A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8,870 (97.5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47C0A4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,211 (95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5A22A5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2,659 (97.7)</w:t>
            </w:r>
          </w:p>
        </w:tc>
      </w:tr>
      <w:tr w:rsidR="00AC3891" w:rsidRPr="00575AE9" w14:paraId="623D455F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549ABF09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Black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F9FB1E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99 (1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C78F1D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50 (2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6E38A4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49 (1.2)</w:t>
            </w:r>
          </w:p>
        </w:tc>
      </w:tr>
      <w:tr w:rsidR="00AC3891" w:rsidRPr="00575AE9" w14:paraId="0A6CD308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39B3D74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Other/Missing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591733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97 (1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7FDEA4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20 (1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311BC2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77 (1.1)</w:t>
            </w:r>
          </w:p>
        </w:tc>
      </w:tr>
      <w:tr w:rsidR="00AC3891" w:rsidRPr="00575AE9" w14:paraId="0E292A7B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BE894E1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Weight Gain as an Adult at Baseline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4A42D5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96C45E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9C1E2D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7E470D17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5C4F5D44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&gt;5 lbs lost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BB9D67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,713 (12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365682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037 (16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45865D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,676 (12.4)</w:t>
            </w:r>
          </w:p>
        </w:tc>
      </w:tr>
      <w:tr w:rsidR="00AC3891" w:rsidRPr="00575AE9" w14:paraId="0D412951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6CE2977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-5 to 20 lbs gained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E19625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4,111 (23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EDD9E1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533 (23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706719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2,578 (23.3)</w:t>
            </w:r>
          </w:p>
        </w:tc>
      </w:tr>
      <w:tr w:rsidR="00AC3891" w:rsidRPr="00575AE9" w14:paraId="785E09FC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7DAD262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21-40 lbs gained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0C5B7C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6,836 (27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C28B77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614 (24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1125BF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5,222 (28.2)</w:t>
            </w:r>
          </w:p>
        </w:tc>
      </w:tr>
      <w:tr w:rsidR="00AC3891" w:rsidRPr="00575AE9" w14:paraId="2ED67B80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4AB1F5CB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41-60 lbs gained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82F404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9,802 (16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7C2450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916 (14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2DEF7D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,886 (16.5)</w:t>
            </w:r>
          </w:p>
        </w:tc>
      </w:tr>
      <w:tr w:rsidR="00AC3891" w:rsidRPr="00575AE9" w14:paraId="298C2587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54C9E29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61+ lbs gained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75C81B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,251 (10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2E9C01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14 (9.5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C7A43E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,637 (10.5)</w:t>
            </w:r>
          </w:p>
        </w:tc>
      </w:tr>
      <w:tr w:rsidR="00AC3891" w:rsidRPr="00575AE9" w14:paraId="50698FBE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0886478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Missing/Unknown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B82FA7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color w:val="000000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,653 (9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ACF0A1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color w:val="000000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67 (11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3C2BA1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color w:val="000000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,886 (9.1)</w:t>
            </w:r>
          </w:p>
        </w:tc>
      </w:tr>
      <w:tr w:rsidR="00AC3891" w:rsidRPr="00575AE9" w14:paraId="08D89209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CBC5D3D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Highest Level of Education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151D89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BEF9E6F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29DBFE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330DA1A7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76719D0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Less than High School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95649C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614 (4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E58616F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18 (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F9E9D8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096 (3.9)</w:t>
            </w:r>
          </w:p>
        </w:tc>
      </w:tr>
      <w:tr w:rsidR="00AC3891" w:rsidRPr="00575AE9" w14:paraId="514F1BB9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2CFF4F46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High School Grad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990EE7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8,846 (31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8195AB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350 (36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FBA189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6,496 (30.6)</w:t>
            </w:r>
          </w:p>
        </w:tc>
      </w:tr>
      <w:tr w:rsidR="00AC3891" w:rsidRPr="00575AE9" w14:paraId="47E94231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2E75635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Some College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FE30C7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8,979 (31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462099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866 (28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01605C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7,113 (31.8)</w:t>
            </w:r>
          </w:p>
        </w:tc>
      </w:tr>
      <w:tr w:rsidR="00AC3891" w:rsidRPr="00575AE9" w14:paraId="252C217F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5A9D3EE5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College Grad/Grad School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D82C30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9,530 (32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C80328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697 (26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D1FB9E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7,833 (33.1)</w:t>
            </w:r>
          </w:p>
        </w:tc>
      </w:tr>
      <w:tr w:rsidR="00AC3891" w:rsidRPr="00575AE9" w14:paraId="25E08CD8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290DD6A9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Unknown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2F0DCD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97 (0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D55474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0 (0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B9D1FF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47 (0.6)</w:t>
            </w:r>
          </w:p>
        </w:tc>
      </w:tr>
      <w:tr w:rsidR="00AC3891" w:rsidRPr="00575AE9" w14:paraId="6438FBF9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3287F7D6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Ever Oral Contraceptive Use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53B9D84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B16A37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E894C1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0C49EC5C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92775B1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Never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9DAF94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6,138 (59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0998A2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,611 (71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D56F6E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1,527 (58.5)</w:t>
            </w:r>
          </w:p>
        </w:tc>
      </w:tr>
      <w:tr w:rsidR="00AC3891" w:rsidRPr="00575AE9" w14:paraId="4B2A340B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AFD3801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Ever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F5A22C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3,531 (3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FF510C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730 (26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79145A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1,801 (40.5)</w:t>
            </w:r>
          </w:p>
        </w:tc>
      </w:tr>
      <w:tr w:rsidR="00AC3891" w:rsidRPr="00575AE9" w14:paraId="0BA01747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2D1B670F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Missing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F4D74D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97 (1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988B73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40 (2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CE8D77F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57 (1)</w:t>
            </w:r>
          </w:p>
        </w:tc>
      </w:tr>
      <w:tr w:rsidR="00AC3891" w:rsidRPr="00575AE9" w14:paraId="5BA42B59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7A9C740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Smoking Statu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74DAE8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A2D477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61A57B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6FF1FD8E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441FD8B0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Never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4C8AC3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3,869 (56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1843A8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,815 (58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8C6713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0,054 (55.8)</w:t>
            </w:r>
          </w:p>
        </w:tc>
      </w:tr>
      <w:tr w:rsidR="00AC3891" w:rsidRPr="00575AE9" w14:paraId="04EA7805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319921CE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Current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AB2A0F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,247 (5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1D7233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71 (5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56EC0E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876 (5.3)</w:t>
            </w:r>
          </w:p>
        </w:tc>
      </w:tr>
      <w:tr w:rsidR="00AC3891" w:rsidRPr="00575AE9" w14:paraId="19B91DE6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320B0A18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Former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C8F0FF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3,218 (38.5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7652B8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287 (35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F4308E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0,931 (38.8)</w:t>
            </w:r>
          </w:p>
        </w:tc>
      </w:tr>
      <w:tr w:rsidR="00AC3891" w:rsidRPr="00575AE9" w14:paraId="6D980C7F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DBCB8D3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Unknown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C0B604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2 (0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B7A484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 (0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D34CC8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4 (0)</w:t>
            </w:r>
          </w:p>
        </w:tc>
      </w:tr>
      <w:tr w:rsidR="00AC3891" w:rsidRPr="00575AE9" w14:paraId="5F7D7DB6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D2444DE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Age at Menopause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372E5A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9E1B60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311DDF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41246E80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C4C8A4E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&lt;45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F62C55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3,583 (22.5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B39E0A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442 (22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66BD05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2,141 (22.5)</w:t>
            </w:r>
          </w:p>
        </w:tc>
      </w:tr>
      <w:tr w:rsidR="00AC3891" w:rsidRPr="00575AE9" w14:paraId="30014DB8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2DAFF69F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45 - &lt;50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2950E9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4,566 (24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B5DDF7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580 (24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B51E66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2,986 (24.1)</w:t>
            </w:r>
          </w:p>
        </w:tc>
      </w:tr>
      <w:tr w:rsidR="00AC3891" w:rsidRPr="00575AE9" w14:paraId="1C9EE831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3D0F642F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50 - &lt;54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2833ED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0,066 (33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00E507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220 (34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031ABF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7,846 (33.1)</w:t>
            </w:r>
          </w:p>
        </w:tc>
      </w:tr>
      <w:tr w:rsidR="00AC3891" w:rsidRPr="00575AE9" w14:paraId="6E9BE99D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73E61E4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54+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F3E233F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,028 (13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DDB034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75 (13.5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61A6B8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,153 (13.3)</w:t>
            </w:r>
          </w:p>
        </w:tc>
      </w:tr>
      <w:tr w:rsidR="00AC3891" w:rsidRPr="00575AE9" w14:paraId="308D4FE2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E5E28A3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Missing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D49F81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,123 (6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9C056F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64 (5.6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2D500D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,759 (7)</w:t>
            </w:r>
          </w:p>
        </w:tc>
      </w:tr>
      <w:tr w:rsidR="00AC3891" w:rsidRPr="00575AE9" w14:paraId="4FF3625D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383E518A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Age at Menarche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9CAFD1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B5B382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586659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2E25BF0F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471158D6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&lt;=12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F89D56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6,977 (44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5CD553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771 (42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14C109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4,206 (44.9)</w:t>
            </w:r>
          </w:p>
        </w:tc>
      </w:tr>
      <w:tr w:rsidR="00AC3891" w:rsidRPr="00575AE9" w14:paraId="00A18948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91F777D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13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737FCD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7,802 (29.5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9EB4C1F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789 (27.6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2D42BCF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6,013 (29.7)</w:t>
            </w:r>
          </w:p>
        </w:tc>
      </w:tr>
      <w:tr w:rsidR="00AC3891" w:rsidRPr="00575AE9" w14:paraId="14397981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501C43E8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13+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765F05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4,697 (24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CC18BA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779 (27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818386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2,918 (24)</w:t>
            </w:r>
          </w:p>
        </w:tc>
      </w:tr>
      <w:tr w:rsidR="00AC3891" w:rsidRPr="00575AE9" w14:paraId="282E64FD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BF6FD69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Missing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D64A42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90 (1.5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8FA1B2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42 (2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DF0566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48 (1.4)</w:t>
            </w:r>
          </w:p>
        </w:tc>
      </w:tr>
      <w:tr w:rsidR="00AC3891" w:rsidRPr="00575AE9" w14:paraId="0E0C29A2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6E4F5A9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Use of Hormone Replacement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8B10D4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B56BE5F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9D2261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0AB39B65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3A5E746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Never User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EA61D7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9,305 (3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5C5C23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703 (41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EB96DB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6,602 (30.8)</w:t>
            </w:r>
          </w:p>
        </w:tc>
      </w:tr>
      <w:tr w:rsidR="00AC3891" w:rsidRPr="00575AE9" w14:paraId="1754EB16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275D19DB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Current Est-only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9B5A7D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2,331 (20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8F4052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011 (15.6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4763ED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1,320 (21)</w:t>
            </w:r>
          </w:p>
        </w:tc>
      </w:tr>
      <w:tr w:rsidR="00AC3891" w:rsidRPr="00575AE9" w14:paraId="1A1E66E3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2FCB7AF1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Former Est-only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C38422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,251 (1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54D7F8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998 (15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922E10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,253 (11.6)</w:t>
            </w:r>
          </w:p>
        </w:tc>
      </w:tr>
      <w:tr w:rsidR="00AC3891" w:rsidRPr="00575AE9" w14:paraId="1FEE39EE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B5DDA8C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Former Est+Prog User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A95FCA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934 (4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70AA40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38 (3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E43891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696 (5)</w:t>
            </w:r>
          </w:p>
        </w:tc>
      </w:tr>
      <w:tr w:rsidR="00AC3891" w:rsidRPr="00575AE9" w14:paraId="5CA6BA17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1311064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Current Est+Prog User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24E974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,365 (13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C0D8B0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90 (7.6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E9B7364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,875 (14.6)</w:t>
            </w:r>
          </w:p>
        </w:tc>
      </w:tr>
      <w:tr w:rsidR="00AC3891" w:rsidRPr="00575AE9" w14:paraId="71853B5D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33DDA74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Other/Unknown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6F23C4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0,180 (16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6003D9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041 (16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2480F7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9,139 (17)</w:t>
            </w:r>
          </w:p>
        </w:tc>
      </w:tr>
      <w:tr w:rsidR="00AC3891" w:rsidRPr="00575AE9" w14:paraId="6F2E12AE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F434C68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Family History of Breast Cancer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3D701B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A6A358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793764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7C34FD18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558F8BBB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No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EF05BC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2,136 (86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5FDA8C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,623 (86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F4098D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6,513 (86.3)</w:t>
            </w:r>
          </w:p>
        </w:tc>
      </w:tr>
      <w:tr w:rsidR="00AC3891" w:rsidRPr="00575AE9" w14:paraId="2AF5578C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7DE855F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Ye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EAF468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,230 (13.6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531B20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58 (13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E86F86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,372 (13.7)</w:t>
            </w:r>
          </w:p>
        </w:tc>
      </w:tr>
      <w:tr w:rsidR="00AC3891" w:rsidRPr="00575AE9" w14:paraId="0EE78895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212C698E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lastRenderedPageBreak/>
              <w:t>Parity/Age at First Birth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FDA424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32E7C6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966917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34ACA818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36F6364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Nulliparou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344D41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,430 (7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288306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91 (9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DB5709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,839 (7.1)</w:t>
            </w:r>
          </w:p>
        </w:tc>
      </w:tr>
      <w:tr w:rsidR="00AC3891" w:rsidRPr="00575AE9" w14:paraId="13C1A9DF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5EB981C0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1-2 Births, Age &lt;=24 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DB3853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9,515 (15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B0A0FA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028 (15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C076BD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,487 (15.8)</w:t>
            </w:r>
          </w:p>
        </w:tc>
      </w:tr>
      <w:tr w:rsidR="00AC3891" w:rsidRPr="00575AE9" w14:paraId="0845C225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79E866A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1-2 Births, Age 25-29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7973F0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,170 (11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05A34C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38 (12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FA6ACF4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,332 (11.8)</w:t>
            </w:r>
          </w:p>
        </w:tc>
      </w:tr>
      <w:tr w:rsidR="00AC3891" w:rsidRPr="00575AE9" w14:paraId="1431E741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735AD13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1-2 Births, Age 30+ 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13DB57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,209 (5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767E1A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02 (6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748F02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807 (5.2)</w:t>
            </w:r>
          </w:p>
        </w:tc>
      </w:tr>
      <w:tr w:rsidR="00AC3891" w:rsidRPr="00575AE9" w14:paraId="1CD5F462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59816F58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3+ Births, Age &lt;20 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5996EC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,160 (6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A3C23D4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33 (6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037842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,727 (6.9)</w:t>
            </w:r>
          </w:p>
        </w:tc>
      </w:tr>
      <w:tr w:rsidR="00AC3891" w:rsidRPr="00575AE9" w14:paraId="24E2545D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570D2533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3+ Births, Age 20-24 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E58E7F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0,096 (33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3C727A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867 (28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A47F08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8,229 (33.8)</w:t>
            </w:r>
          </w:p>
        </w:tc>
      </w:tr>
      <w:tr w:rsidR="00AC3891" w:rsidRPr="00575AE9" w14:paraId="4BB1C08E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9CB42E9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3+ Births, Age 25-29 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5D2B74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9,061 (15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FCE792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935 (14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F09F2B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,126 (15.1)</w:t>
            </w:r>
          </w:p>
        </w:tc>
      </w:tr>
      <w:tr w:rsidR="00AC3891" w:rsidRPr="00575AE9" w14:paraId="7F22B777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D34F281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3+ Births, Age 30+ 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34846C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328 (2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6D053A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79 (2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126F8C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149 (2.1)</w:t>
            </w:r>
          </w:p>
        </w:tc>
      </w:tr>
      <w:tr w:rsidR="00AC3891" w:rsidRPr="00575AE9" w14:paraId="3D02BE20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1E55407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Missing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5D57DD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397 (2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A4A61B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08 (3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293D94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189 (2.2)</w:t>
            </w:r>
          </w:p>
        </w:tc>
      </w:tr>
      <w:tr w:rsidR="00AC3891" w:rsidRPr="00575AE9" w14:paraId="0E806C6B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2D44A2D9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Recent Mammogram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D2834C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A7D76E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A46859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45A1BA5B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FCC07EE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No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159251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,452 (12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3F1492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284 (19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A90874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,168 (11.4)</w:t>
            </w:r>
          </w:p>
        </w:tc>
      </w:tr>
      <w:tr w:rsidR="00AC3891" w:rsidRPr="00575AE9" w14:paraId="1D91E9B4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877048E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Ye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8F6B11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2,914 (87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AF3F88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,197 (80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C92FA1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7,717 (88.6)</w:t>
            </w:r>
          </w:p>
        </w:tc>
      </w:tr>
      <w:tr w:rsidR="00AC3891" w:rsidRPr="00575AE9" w14:paraId="273DEF7D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1BF5697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History of Hypertension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4699B2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272C94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8A118B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49A204C4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E195210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No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C6DFB3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5,827 (59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24BC63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,738 (57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000CC14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2,089 (59.6)</w:t>
            </w:r>
          </w:p>
        </w:tc>
      </w:tr>
      <w:tr w:rsidR="00AC3891" w:rsidRPr="00575AE9" w14:paraId="07225273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79DA373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Ye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594613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4,539 (40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862978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,743 (42.3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95B1AD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1,796 (40.4)</w:t>
            </w:r>
          </w:p>
        </w:tc>
      </w:tr>
      <w:tr w:rsidR="00AC3891" w:rsidRPr="00575AE9" w14:paraId="21AD1E32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4AC1C82A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History of Diabete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728CA8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2EF4E2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195FA3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015D02C4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96C34B7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No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72F0E1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5,870 (92.6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33BAE3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,862 (90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397607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0,008 (92.8)</w:t>
            </w:r>
          </w:p>
        </w:tc>
      </w:tr>
      <w:tr w:rsidR="00AC3891" w:rsidRPr="00575AE9" w14:paraId="6D14B7C4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83FC688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Ye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1B04B7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,496 (7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34CD7E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19 (9.6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604469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,877 (7.2)</w:t>
            </w:r>
          </w:p>
        </w:tc>
      </w:tr>
      <w:tr w:rsidR="00AC3891" w:rsidRPr="00575AE9" w14:paraId="6609C017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4EDABAC9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History of Cardiovascular Disease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83C901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671228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D46F3F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752D6E93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F1B1424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No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CE05E20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3,679 (88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687E28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,498 (84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60ABE2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8,181 (89.4)</w:t>
            </w:r>
          </w:p>
        </w:tc>
      </w:tr>
      <w:tr w:rsidR="00AC3891" w:rsidRPr="00575AE9" w14:paraId="4C93B0FD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AF7F523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Ye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58423B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,687 (11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95C1CB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983 (15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DC7945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,704 (10.6)</w:t>
            </w:r>
          </w:p>
        </w:tc>
      </w:tr>
      <w:tr w:rsidR="00AC3891" w:rsidRPr="00575AE9" w14:paraId="7D42F995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58F9C7C1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Weekly MET-hours of Activity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1711BE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B47DF6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F53647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682DDEDB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D6DB1BB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&lt;3.5 MET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4481C4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,059 (13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D72160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129 (17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CC4E264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,930 (12.9)</w:t>
            </w:r>
          </w:p>
        </w:tc>
      </w:tr>
      <w:tr w:rsidR="00AC3891" w:rsidRPr="00575AE9" w14:paraId="6036816C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42CB712B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3.5 - &lt;4.5 MET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1C150E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,163 (10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049259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37 (9.8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134589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5,526 (10.3)</w:t>
            </w:r>
          </w:p>
        </w:tc>
      </w:tr>
      <w:tr w:rsidR="00AC3891" w:rsidRPr="00575AE9" w14:paraId="29A64D22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261008C4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4.5 - &lt;14 MET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02D1CB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9,737 (32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DB2BC2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935 (29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CE99FD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7,802 (33)</w:t>
            </w:r>
          </w:p>
        </w:tc>
      </w:tr>
      <w:tr w:rsidR="00AC3891" w:rsidRPr="00575AE9" w14:paraId="66A8C920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BE9CA38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14 - &lt;21.5 MET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2FFC16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4,563 (24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8AA639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432 (22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BBC0216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3,131 (24.4)</w:t>
            </w:r>
          </w:p>
        </w:tc>
      </w:tr>
      <w:tr w:rsidR="00AC3891" w:rsidRPr="00575AE9" w14:paraId="4F5D3C53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7438C73C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21.5+ METs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140373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,774 (12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794157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40 (11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7089587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7,034 (13.1)</w:t>
            </w:r>
          </w:p>
        </w:tc>
      </w:tr>
      <w:tr w:rsidR="00AC3891" w:rsidRPr="00575AE9" w14:paraId="1E2F4930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46E025A7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Unknown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01147E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,070 (6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200CA74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608 (9.4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036393F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,462 (6.4)</w:t>
            </w:r>
          </w:p>
        </w:tc>
      </w:tr>
      <w:tr w:rsidR="00AC3891" w:rsidRPr="00575AE9" w14:paraId="1B76B0EF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717789A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>Alcohol Servings per Day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A7A6E54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5E78A2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EAC84F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</w:p>
        </w:tc>
      </w:tr>
      <w:tr w:rsidR="00AC3891" w:rsidRPr="00575AE9" w14:paraId="615B4944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336E7E31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None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0EBEE93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0,717 (50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662C4FE5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,029 (62.2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D0203D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6,688 (49.5)</w:t>
            </w:r>
          </w:p>
        </w:tc>
      </w:tr>
      <w:tr w:rsidR="00AC3891" w:rsidRPr="00575AE9" w14:paraId="3B7F4507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0616ABF2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&lt;1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ECF082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3,020 (38.1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5778A492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787 (27.6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4A4E5E2A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21,233 (39.4)</w:t>
            </w:r>
          </w:p>
        </w:tc>
      </w:tr>
      <w:tr w:rsidR="00AC3891" w:rsidRPr="00575AE9" w14:paraId="68FDABE0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1C87FA3B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1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797775C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,517 (7.5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8CADAA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372 (5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19338839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4,145 (7.7)</w:t>
            </w:r>
          </w:p>
        </w:tc>
      </w:tr>
      <w:tr w:rsidR="00AC3891" w:rsidRPr="00575AE9" w14:paraId="37872F68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66B7A0EA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2+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DA52A78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124 (1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345B01EE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20 (1.9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265D41D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,004 (1.9)</w:t>
            </w:r>
          </w:p>
        </w:tc>
      </w:tr>
      <w:tr w:rsidR="00AC3891" w:rsidRPr="00575AE9" w14:paraId="19917D95" w14:textId="77777777" w:rsidTr="00433E83">
        <w:trPr>
          <w:cantSplit/>
          <w:trHeight w:val="20"/>
          <w:jc w:val="center"/>
        </w:trPr>
        <w:tc>
          <w:tcPr>
            <w:tcW w:w="3114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  <w:hideMark/>
          </w:tcPr>
          <w:p w14:paraId="58327E93" w14:textId="77777777" w:rsidR="00AC3891" w:rsidRPr="00575AE9" w:rsidRDefault="00AC3891" w:rsidP="00433E83">
            <w:pPr>
              <w:spacing w:after="0" w:line="240" w:lineRule="auto"/>
              <w:rPr>
                <w:rFonts w:ascii="Times New Roman" w:hAnsi="Times New Roman" w:cs="Times New Roman"/>
                <w:sz w:val="20"/>
                <w:szCs w:val="20"/>
              </w:rPr>
            </w:pPr>
            <w:r w:rsidRPr="00575AE9">
              <w:rPr>
                <w:rFonts w:ascii="Times New Roman" w:hAnsi="Times New Roman" w:cs="Times New Roman"/>
                <w:sz w:val="20"/>
                <w:szCs w:val="20"/>
              </w:rPr>
              <w:t xml:space="preserve">    Missing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42EA66B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988 (1.6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2CB3289F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173 (2.7)</w:t>
            </w:r>
          </w:p>
        </w:tc>
        <w:tc>
          <w:tcPr>
            <w:tcW w:w="1907" w:type="dxa"/>
            <w:shd w:val="clear" w:color="auto" w:fill="FFFFFF"/>
            <w:tcMar>
              <w:top w:w="0" w:type="dxa"/>
              <w:left w:w="67" w:type="dxa"/>
              <w:bottom w:w="0" w:type="dxa"/>
              <w:right w:w="67" w:type="dxa"/>
            </w:tcMar>
          </w:tcPr>
          <w:p w14:paraId="702A15C1" w14:textId="77777777" w:rsidR="00AC3891" w:rsidRPr="00575AE9" w:rsidRDefault="00AC3891" w:rsidP="00433E83">
            <w:pPr>
              <w:spacing w:after="0" w:line="240" w:lineRule="auto"/>
              <w:jc w:val="center"/>
              <w:rPr>
                <w:rFonts w:ascii="Times New Roman" w:hAnsi="Times New Roman" w:cs="Times New Roman"/>
                <w:sz w:val="20"/>
                <w:szCs w:val="20"/>
              </w:rPr>
            </w:pPr>
            <w:r w:rsidRPr="00D75A8F">
              <w:rPr>
                <w:rFonts w:ascii="Times New Roman" w:hAnsi="Times New Roman" w:cs="Times New Roman"/>
                <w:color w:val="000000"/>
                <w:sz w:val="20"/>
                <w:szCs w:val="20"/>
              </w:rPr>
              <w:t>815 (1.5)</w:t>
            </w:r>
          </w:p>
        </w:tc>
      </w:tr>
    </w:tbl>
    <w:p w14:paraId="7D8B8954" w14:textId="77777777" w:rsidR="00AC3891" w:rsidRDefault="00AC3891" w:rsidP="00AC3891">
      <w:pPr>
        <w:rPr>
          <w:rFonts w:ascii="Times New Roman" w:hAnsi="Times New Roman" w:cs="Times New Roman"/>
          <w:sz w:val="20"/>
          <w:szCs w:val="20"/>
        </w:rPr>
      </w:pPr>
      <w:r>
        <w:rPr>
          <w:rFonts w:ascii="Times New Roman" w:hAnsi="Times New Roman" w:cs="Times New Roman"/>
          <w:sz w:val="20"/>
          <w:szCs w:val="20"/>
        </w:rPr>
        <w:t xml:space="preserve">     Est, estrogen; prog, progesterone; METs, metabolic equivalent of task.</w:t>
      </w:r>
    </w:p>
    <w:p w14:paraId="6D20514D" w14:textId="77777777" w:rsidR="00AC3891" w:rsidRDefault="00AC3891" w:rsidP="00AC3891">
      <w:pPr>
        <w:spacing w:line="240" w:lineRule="auto"/>
        <w:rPr>
          <w:rFonts w:ascii="Times New Roman" w:hAnsi="Times New Roman" w:cs="Times New Roman"/>
          <w:sz w:val="20"/>
          <w:szCs w:val="20"/>
        </w:rPr>
      </w:pPr>
    </w:p>
    <w:p w14:paraId="11F96E28" w14:textId="77777777" w:rsidR="00C2111F" w:rsidRDefault="00C2111F"/>
    <w:sectPr w:rsidR="00C2111F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oNotDisplayPageBoundaries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C3891"/>
    <w:rsid w:val="009F73E7"/>
    <w:rsid w:val="00AC3891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0E9B8C05"/>
  <w15:chartTrackingRefBased/>
  <w15:docId w15:val="{9FF5DA44-5E10-47FC-9539-57B7777A937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891"/>
    <w:pPr>
      <w:spacing w:after="200" w:line="276" w:lineRule="auto"/>
    </w:p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ierknt\AppData\Local\Temp\Templafy\WordVsto\yj3moxax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F59F068-31AA-4734-8411-3A56789CF4F8}">
  <ds:schemaRefs/>
</ds:datastoreItem>
</file>

<file path=customXml/itemProps2.xml><?xml version="1.0" encoding="utf-8"?>
<ds:datastoreItem xmlns:ds="http://schemas.openxmlformats.org/officeDocument/2006/customXml" ds:itemID="{464BD4C4-6B6E-4EA7-84C6-5A92CD7A9CA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yj3moxax.dotx</Template>
  <TotalTime>0</TotalTime>
  <Pages>2</Pages>
  <Words>672</Words>
  <Characters>3832</Characters>
  <Application>Microsoft Office Word</Application>
  <DocSecurity>4</DocSecurity>
  <Lines>31</Lines>
  <Paragraphs>8</Paragraphs>
  <ScaleCrop>false</ScaleCrop>
  <Company/>
  <LinksUpToDate>false</LinksUpToDate>
  <CharactersWithSpaces>449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ierkant, Robert A., M.S.</dc:creator>
  <cp:keywords/>
  <dc:description/>
  <cp:lastModifiedBy>Sherman, Mark E., M.D.</cp:lastModifiedBy>
  <cp:revision>2</cp:revision>
  <dcterms:created xsi:type="dcterms:W3CDTF">2022-12-14T12:50:00Z</dcterms:created>
  <dcterms:modified xsi:type="dcterms:W3CDTF">2022-12-14T12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cbrandtemplates</vt:lpwstr>
  </property>
  <property fmtid="{D5CDD505-2E9C-101B-9397-08002B2CF9AE}" pid="3" name="TemplafyTemplateId">
    <vt:lpwstr>637414016132152622</vt:lpwstr>
  </property>
  <property fmtid="{D5CDD505-2E9C-101B-9397-08002B2CF9AE}" pid="4" name="TemplafyUserProfileId">
    <vt:lpwstr>637541972647862668</vt:lpwstr>
  </property>
  <property fmtid="{D5CDD505-2E9C-101B-9397-08002B2CF9AE}" pid="5" name="TemplafyFromBlank">
    <vt:bool>true</vt:bool>
  </property>
</Properties>
</file>